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bookViews>
    <workbookView xWindow="0" yWindow="0" windowWidth="28800" windowHeight="1237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0" uniqueCount="41">
  <si>
    <t>第８表　保険者別保険給付状況（退職被保険者等分）（その２）</t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タイショク</t>
    </rPh>
    <rPh sb="17" eb="21">
      <t>ヒホケンシャ</t>
    </rPh>
    <rPh sb="21" eb="22">
      <t>トウ</t>
    </rPh>
    <rPh sb="22" eb="23">
      <t>ブン</t>
    </rPh>
    <phoneticPr fontId="3"/>
  </si>
  <si>
    <t>番
号</t>
    <rPh sb="0" eb="1">
      <t>バン</t>
    </rPh>
    <rPh sb="2" eb="3">
      <t>ゴウ</t>
    </rPh>
    <phoneticPr fontId="3"/>
  </si>
  <si>
    <t>保険者名</t>
    <rPh sb="0" eb="3">
      <t>ホケンシャ</t>
    </rPh>
    <rPh sb="3" eb="4">
      <t>メイ</t>
    </rPh>
    <phoneticPr fontId="3"/>
  </si>
  <si>
    <t>療　　　　養　　　　の　　　　給　　　　付</t>
    <phoneticPr fontId="3"/>
  </si>
  <si>
    <t>食事療養・生活療養</t>
    <rPh sb="5" eb="7">
      <t>セイカツ</t>
    </rPh>
    <rPh sb="7" eb="9">
      <t>リョウヨウ</t>
    </rPh>
    <phoneticPr fontId="3"/>
  </si>
  <si>
    <t>訪問看護</t>
  </si>
  <si>
    <t>計</t>
    <rPh sb="0" eb="1">
      <t>ケイ</t>
    </rPh>
    <phoneticPr fontId="3"/>
  </si>
  <si>
    <t>件数</t>
  </si>
  <si>
    <t>回数</t>
    <rPh sb="0" eb="2">
      <t>カイスウ</t>
    </rPh>
    <phoneticPr fontId="3"/>
  </si>
  <si>
    <t>費用額</t>
  </si>
  <si>
    <t>日数</t>
  </si>
  <si>
    <t>件数</t>
    <rPh sb="0" eb="2">
      <t>ケンスウ</t>
    </rPh>
    <phoneticPr fontId="3"/>
  </si>
  <si>
    <t>件</t>
    <rPh sb="0" eb="1">
      <t>ケン</t>
    </rPh>
    <phoneticPr fontId="3"/>
  </si>
  <si>
    <t>回</t>
    <rPh sb="0" eb="1">
      <t>カイ</t>
    </rPh>
    <phoneticPr fontId="3"/>
  </si>
  <si>
    <t>千円</t>
    <rPh sb="0" eb="2">
      <t>センエン</t>
    </rPh>
    <phoneticPr fontId="3"/>
  </si>
  <si>
    <t>日</t>
    <rPh sb="0" eb="1">
      <t>ニチ</t>
    </rPh>
    <phoneticPr fontId="3"/>
  </si>
  <si>
    <t>都道府県計</t>
    <rPh sb="0" eb="4">
      <t>トドウフケン</t>
    </rPh>
    <rPh sb="4" eb="5">
      <t>ケイ</t>
    </rPh>
    <phoneticPr fontId="3"/>
  </si>
  <si>
    <t xml:space="preserve"> 市町村計</t>
  </si>
  <si>
    <t>国保組合計</t>
    <rPh sb="0" eb="2">
      <t>コクホ</t>
    </rPh>
    <rPh sb="2" eb="4">
      <t>クミアイ</t>
    </rPh>
    <rPh sb="4" eb="5">
      <t>ケイ</t>
    </rPh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  <si>
    <t>－</t>
  </si>
  <si>
    <t>*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00"/>
    <numFmt numFmtId="177" formatCode="#,##0;&quot;△ &quot;#,##0"/>
  </numFmts>
  <fonts count="5" x14ac:knownFonts="1">
    <font>
      <sz val="11"/>
      <color theme="1"/>
      <name val="游ゴシック"/>
      <family val="2"/>
      <charset val="128"/>
      <scheme val="minor"/>
    </font>
    <font>
      <sz val="10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明朝"/>
      <family val="1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3">
    <xf numFmtId="0" fontId="0" fillId="0" borderId="0" xfId="0">
      <alignment vertical="center"/>
    </xf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2" xfId="0" applyNumberFormat="1" applyFont="1" applyFill="1" applyBorder="1" applyAlignment="1">
      <alignment horizontal="right" vertical="center"/>
    </xf>
    <xf numFmtId="176" fontId="1" fillId="0" borderId="8" xfId="0" applyNumberFormat="1" applyFont="1" applyFill="1" applyBorder="1" applyAlignment="1">
      <alignment horizontal="center" vertical="center"/>
    </xf>
    <xf numFmtId="0" fontId="1" fillId="0" borderId="9" xfId="0" applyNumberFormat="1" applyFont="1" applyFill="1" applyBorder="1" applyAlignment="1">
      <alignment horizontal="center" vertical="center"/>
    </xf>
    <xf numFmtId="176" fontId="1" fillId="0" borderId="3" xfId="0" applyNumberFormat="1" applyFont="1" applyFill="1" applyBorder="1" applyAlignment="1">
      <alignment horizontal="center" vertical="center"/>
    </xf>
    <xf numFmtId="0" fontId="1" fillId="0" borderId="10" xfId="0" applyNumberFormat="1" applyFont="1" applyFill="1" applyBorder="1" applyAlignment="1">
      <alignment horizontal="center" vertical="center"/>
    </xf>
    <xf numFmtId="3" fontId="4" fillId="0" borderId="10" xfId="0" applyNumberFormat="1" applyFont="1" applyBorder="1" applyAlignment="1">
      <alignment vertical="center"/>
    </xf>
    <xf numFmtId="176" fontId="1" fillId="0" borderId="1" xfId="0" applyNumberFormat="1" applyFont="1" applyFill="1" applyBorder="1" applyAlignment="1">
      <alignment horizontal="center" vertical="center"/>
    </xf>
    <xf numFmtId="0" fontId="1" fillId="0" borderId="2" xfId="0" applyNumberFormat="1" applyFont="1" applyFill="1" applyBorder="1" applyAlignment="1">
      <alignment horizontal="center" vertical="center"/>
    </xf>
    <xf numFmtId="0" fontId="1" fillId="0" borderId="10" xfId="0" applyNumberFormat="1" applyFont="1" applyFill="1" applyBorder="1" applyAlignment="1">
      <alignment horizontal="left" vertical="center"/>
    </xf>
    <xf numFmtId="0" fontId="1" fillId="0" borderId="2" xfId="0" applyNumberFormat="1" applyFont="1" applyFill="1" applyBorder="1" applyAlignment="1">
      <alignment horizontal="left" vertical="center"/>
    </xf>
    <xf numFmtId="176" fontId="1" fillId="0" borderId="6" xfId="0" applyNumberFormat="1" applyFont="1" applyFill="1" applyBorder="1" applyAlignment="1">
      <alignment horizontal="center" vertical="center"/>
    </xf>
    <xf numFmtId="0" fontId="1" fillId="0" borderId="7" xfId="0" applyNumberFormat="1" applyFont="1" applyFill="1" applyBorder="1" applyAlignment="1">
      <alignment horizontal="left" vertical="center"/>
    </xf>
    <xf numFmtId="3" fontId="1" fillId="0" borderId="9" xfId="0" applyNumberFormat="1" applyFont="1" applyBorder="1" applyAlignment="1">
      <alignment horizontal="right" vertical="center"/>
    </xf>
    <xf numFmtId="3" fontId="1" fillId="0" borderId="10" xfId="0" applyNumberFormat="1" applyFont="1" applyBorder="1" applyAlignment="1">
      <alignment horizontal="right" vertical="center"/>
    </xf>
    <xf numFmtId="3" fontId="1" fillId="0" borderId="2" xfId="0" applyNumberFormat="1" applyFont="1" applyBorder="1" applyAlignment="1">
      <alignment horizontal="right" vertical="center"/>
    </xf>
    <xf numFmtId="177" fontId="1" fillId="0" borderId="10" xfId="0" applyNumberFormat="1" applyFont="1" applyBorder="1" applyAlignment="1">
      <alignment horizontal="right" vertical="center"/>
    </xf>
    <xf numFmtId="177" fontId="1" fillId="0" borderId="2" xfId="0" applyNumberFormat="1" applyFont="1" applyBorder="1" applyAlignment="1">
      <alignment horizontal="right" vertical="center"/>
    </xf>
    <xf numFmtId="3" fontId="1" fillId="0" borderId="7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0"/>
  <sheetViews>
    <sheetView tabSelected="1" workbookViewId="0">
      <selection activeCell="C6" sqref="C6:J29"/>
    </sheetView>
  </sheetViews>
  <sheetFormatPr defaultRowHeight="18" x14ac:dyDescent="0.55000000000000004"/>
  <sheetData>
    <row r="1" spans="1:10" x14ac:dyDescent="0.55000000000000004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x14ac:dyDescent="0.55000000000000004">
      <c r="A2" s="2" t="s">
        <v>1</v>
      </c>
      <c r="B2" s="3" t="s">
        <v>2</v>
      </c>
      <c r="C2" s="4" t="s">
        <v>3</v>
      </c>
      <c r="D2" s="5"/>
      <c r="E2" s="5"/>
      <c r="F2" s="5"/>
      <c r="G2" s="5"/>
      <c r="H2" s="5"/>
      <c r="I2" s="5"/>
      <c r="J2" s="6"/>
    </row>
    <row r="3" spans="1:10" x14ac:dyDescent="0.55000000000000004">
      <c r="A3" s="7"/>
      <c r="B3" s="8"/>
      <c r="C3" s="4" t="s">
        <v>4</v>
      </c>
      <c r="D3" s="5"/>
      <c r="E3" s="6"/>
      <c r="F3" s="4" t="s">
        <v>5</v>
      </c>
      <c r="G3" s="5"/>
      <c r="H3" s="6"/>
      <c r="I3" s="4" t="s">
        <v>6</v>
      </c>
      <c r="J3" s="6"/>
    </row>
    <row r="4" spans="1:10" x14ac:dyDescent="0.55000000000000004">
      <c r="A4" s="9"/>
      <c r="B4" s="10"/>
      <c r="C4" s="11" t="s">
        <v>7</v>
      </c>
      <c r="D4" s="11" t="s">
        <v>8</v>
      </c>
      <c r="E4" s="11" t="s">
        <v>9</v>
      </c>
      <c r="F4" s="11" t="s">
        <v>7</v>
      </c>
      <c r="G4" s="11" t="s">
        <v>10</v>
      </c>
      <c r="H4" s="11" t="s">
        <v>9</v>
      </c>
      <c r="I4" s="12" t="s">
        <v>11</v>
      </c>
      <c r="J4" s="12" t="s">
        <v>9</v>
      </c>
    </row>
    <row r="5" spans="1:10" x14ac:dyDescent="0.55000000000000004">
      <c r="A5" s="13"/>
      <c r="B5" s="14"/>
      <c r="C5" s="15" t="s">
        <v>12</v>
      </c>
      <c r="D5" s="15" t="s">
        <v>13</v>
      </c>
      <c r="E5" s="15" t="s">
        <v>14</v>
      </c>
      <c r="F5" s="15" t="s">
        <v>12</v>
      </c>
      <c r="G5" s="15" t="s">
        <v>15</v>
      </c>
      <c r="H5" s="15" t="s">
        <v>14</v>
      </c>
      <c r="I5" s="15" t="s">
        <v>12</v>
      </c>
      <c r="J5" s="15" t="s">
        <v>14</v>
      </c>
    </row>
    <row r="6" spans="1:10" x14ac:dyDescent="0.55000000000000004">
      <c r="A6" s="16"/>
      <c r="B6" s="17" t="s">
        <v>16</v>
      </c>
      <c r="C6" s="27" t="s">
        <v>40</v>
      </c>
      <c r="D6" s="27" t="s">
        <v>40</v>
      </c>
      <c r="E6" s="27" t="s">
        <v>40</v>
      </c>
      <c r="F6" s="27" t="s">
        <v>40</v>
      </c>
      <c r="G6" s="27" t="s">
        <v>40</v>
      </c>
      <c r="H6" s="27" t="s">
        <v>40</v>
      </c>
      <c r="I6" s="27" t="s">
        <v>40</v>
      </c>
      <c r="J6" s="27" t="s">
        <v>40</v>
      </c>
    </row>
    <row r="7" spans="1:10" x14ac:dyDescent="0.55000000000000004">
      <c r="A7" s="18"/>
      <c r="B7" s="19" t="s">
        <v>17</v>
      </c>
      <c r="C7" s="28" t="s">
        <v>40</v>
      </c>
      <c r="D7" s="28" t="s">
        <v>40</v>
      </c>
      <c r="E7" s="28" t="s">
        <v>40</v>
      </c>
      <c r="F7" s="28" t="s">
        <v>40</v>
      </c>
      <c r="G7" s="28" t="s">
        <v>40</v>
      </c>
      <c r="H7" s="28" t="s">
        <v>40</v>
      </c>
      <c r="I7" s="28" t="s">
        <v>40</v>
      </c>
      <c r="J7" s="28" t="s">
        <v>40</v>
      </c>
    </row>
    <row r="8" spans="1:10" x14ac:dyDescent="0.55000000000000004">
      <c r="A8" s="21"/>
      <c r="B8" s="22" t="s">
        <v>18</v>
      </c>
      <c r="C8" s="29" t="s">
        <v>39</v>
      </c>
      <c r="D8" s="29" t="s">
        <v>39</v>
      </c>
      <c r="E8" s="29" t="s">
        <v>39</v>
      </c>
      <c r="F8" s="29" t="s">
        <v>39</v>
      </c>
      <c r="G8" s="29" t="s">
        <v>39</v>
      </c>
      <c r="H8" s="29" t="s">
        <v>39</v>
      </c>
      <c r="I8" s="29" t="s">
        <v>39</v>
      </c>
      <c r="J8" s="29" t="s">
        <v>39</v>
      </c>
    </row>
    <row r="9" spans="1:10" x14ac:dyDescent="0.55000000000000004">
      <c r="A9" s="18">
        <v>1</v>
      </c>
      <c r="B9" s="23" t="s">
        <v>19</v>
      </c>
      <c r="C9" s="30" t="s">
        <v>40</v>
      </c>
      <c r="D9" s="30" t="s">
        <v>40</v>
      </c>
      <c r="E9" s="30" t="s">
        <v>40</v>
      </c>
      <c r="F9" s="30" t="s">
        <v>40</v>
      </c>
      <c r="G9" s="30" t="s">
        <v>40</v>
      </c>
      <c r="H9" s="30" t="s">
        <v>40</v>
      </c>
      <c r="I9" s="30" t="s">
        <v>40</v>
      </c>
      <c r="J9" s="30" t="s">
        <v>40</v>
      </c>
    </row>
    <row r="10" spans="1:10" x14ac:dyDescent="0.55000000000000004">
      <c r="A10" s="18">
        <v>2</v>
      </c>
      <c r="B10" s="23" t="s">
        <v>20</v>
      </c>
      <c r="C10" s="30" t="s">
        <v>40</v>
      </c>
      <c r="D10" s="30" t="s">
        <v>40</v>
      </c>
      <c r="E10" s="30" t="s">
        <v>40</v>
      </c>
      <c r="F10" s="30" t="s">
        <v>40</v>
      </c>
      <c r="G10" s="30" t="s">
        <v>40</v>
      </c>
      <c r="H10" s="30" t="s">
        <v>40</v>
      </c>
      <c r="I10" s="30" t="s">
        <v>40</v>
      </c>
      <c r="J10" s="30" t="s">
        <v>40</v>
      </c>
    </row>
    <row r="11" spans="1:10" x14ac:dyDescent="0.55000000000000004">
      <c r="A11" s="18">
        <v>3</v>
      </c>
      <c r="B11" s="23" t="s">
        <v>21</v>
      </c>
      <c r="C11" s="30" t="s">
        <v>40</v>
      </c>
      <c r="D11" s="30" t="s">
        <v>40</v>
      </c>
      <c r="E11" s="30" t="s">
        <v>40</v>
      </c>
      <c r="F11" s="30" t="s">
        <v>40</v>
      </c>
      <c r="G11" s="30" t="s">
        <v>40</v>
      </c>
      <c r="H11" s="30" t="s">
        <v>40</v>
      </c>
      <c r="I11" s="30" t="s">
        <v>40</v>
      </c>
      <c r="J11" s="30" t="s">
        <v>40</v>
      </c>
    </row>
    <row r="12" spans="1:10" x14ac:dyDescent="0.55000000000000004">
      <c r="A12" s="18">
        <v>4</v>
      </c>
      <c r="B12" s="23" t="s">
        <v>22</v>
      </c>
      <c r="C12" s="30" t="s">
        <v>40</v>
      </c>
      <c r="D12" s="30" t="s">
        <v>40</v>
      </c>
      <c r="E12" s="30" t="s">
        <v>40</v>
      </c>
      <c r="F12" s="30" t="s">
        <v>40</v>
      </c>
      <c r="G12" s="30" t="s">
        <v>40</v>
      </c>
      <c r="H12" s="30" t="s">
        <v>40</v>
      </c>
      <c r="I12" s="30" t="s">
        <v>40</v>
      </c>
      <c r="J12" s="30" t="s">
        <v>40</v>
      </c>
    </row>
    <row r="13" spans="1:10" x14ac:dyDescent="0.55000000000000004">
      <c r="A13" s="18">
        <v>5</v>
      </c>
      <c r="B13" s="23" t="s">
        <v>23</v>
      </c>
      <c r="C13" s="30" t="s">
        <v>40</v>
      </c>
      <c r="D13" s="30" t="s">
        <v>40</v>
      </c>
      <c r="E13" s="30" t="s">
        <v>40</v>
      </c>
      <c r="F13" s="30" t="s">
        <v>40</v>
      </c>
      <c r="G13" s="30" t="s">
        <v>40</v>
      </c>
      <c r="H13" s="30" t="s">
        <v>40</v>
      </c>
      <c r="I13" s="30" t="s">
        <v>40</v>
      </c>
      <c r="J13" s="30" t="s">
        <v>40</v>
      </c>
    </row>
    <row r="14" spans="1:10" x14ac:dyDescent="0.55000000000000004">
      <c r="A14" s="18">
        <v>6</v>
      </c>
      <c r="B14" s="23" t="s">
        <v>24</v>
      </c>
      <c r="C14" s="30" t="s">
        <v>40</v>
      </c>
      <c r="D14" s="30" t="s">
        <v>40</v>
      </c>
      <c r="E14" s="30" t="s">
        <v>40</v>
      </c>
      <c r="F14" s="30" t="s">
        <v>40</v>
      </c>
      <c r="G14" s="30" t="s">
        <v>40</v>
      </c>
      <c r="H14" s="30" t="s">
        <v>40</v>
      </c>
      <c r="I14" s="30" t="s">
        <v>40</v>
      </c>
      <c r="J14" s="30" t="s">
        <v>40</v>
      </c>
    </row>
    <row r="15" spans="1:10" x14ac:dyDescent="0.55000000000000004">
      <c r="A15" s="18">
        <v>7</v>
      </c>
      <c r="B15" s="23" t="s">
        <v>25</v>
      </c>
      <c r="C15" s="30" t="s">
        <v>40</v>
      </c>
      <c r="D15" s="30" t="s">
        <v>40</v>
      </c>
      <c r="E15" s="30" t="s">
        <v>40</v>
      </c>
      <c r="F15" s="30" t="s">
        <v>40</v>
      </c>
      <c r="G15" s="30" t="s">
        <v>40</v>
      </c>
      <c r="H15" s="30" t="s">
        <v>40</v>
      </c>
      <c r="I15" s="30" t="s">
        <v>40</v>
      </c>
      <c r="J15" s="30" t="s">
        <v>40</v>
      </c>
    </row>
    <row r="16" spans="1:10" x14ac:dyDescent="0.55000000000000004">
      <c r="A16" s="18">
        <v>36</v>
      </c>
      <c r="B16" s="23" t="s">
        <v>26</v>
      </c>
      <c r="C16" s="30" t="s">
        <v>40</v>
      </c>
      <c r="D16" s="30" t="s">
        <v>40</v>
      </c>
      <c r="E16" s="30" t="s">
        <v>40</v>
      </c>
      <c r="F16" s="30" t="s">
        <v>40</v>
      </c>
      <c r="G16" s="30" t="s">
        <v>40</v>
      </c>
      <c r="H16" s="30" t="s">
        <v>40</v>
      </c>
      <c r="I16" s="30" t="s">
        <v>40</v>
      </c>
      <c r="J16" s="30" t="s">
        <v>40</v>
      </c>
    </row>
    <row r="17" spans="1:10" x14ac:dyDescent="0.55000000000000004">
      <c r="A17" s="18">
        <v>49</v>
      </c>
      <c r="B17" s="23" t="s">
        <v>27</v>
      </c>
      <c r="C17" s="30" t="s">
        <v>40</v>
      </c>
      <c r="D17" s="30" t="s">
        <v>40</v>
      </c>
      <c r="E17" s="30" t="s">
        <v>40</v>
      </c>
      <c r="F17" s="30" t="s">
        <v>40</v>
      </c>
      <c r="G17" s="30" t="s">
        <v>40</v>
      </c>
      <c r="H17" s="30" t="s">
        <v>40</v>
      </c>
      <c r="I17" s="30" t="s">
        <v>40</v>
      </c>
      <c r="J17" s="30" t="s">
        <v>40</v>
      </c>
    </row>
    <row r="18" spans="1:10" x14ac:dyDescent="0.55000000000000004">
      <c r="A18" s="18">
        <v>57</v>
      </c>
      <c r="B18" s="23" t="s">
        <v>28</v>
      </c>
      <c r="C18" s="30" t="s">
        <v>40</v>
      </c>
      <c r="D18" s="30" t="s">
        <v>40</v>
      </c>
      <c r="E18" s="30" t="s">
        <v>40</v>
      </c>
      <c r="F18" s="30" t="s">
        <v>40</v>
      </c>
      <c r="G18" s="30" t="s">
        <v>40</v>
      </c>
      <c r="H18" s="30" t="s">
        <v>40</v>
      </c>
      <c r="I18" s="30" t="s">
        <v>40</v>
      </c>
      <c r="J18" s="30" t="s">
        <v>40</v>
      </c>
    </row>
    <row r="19" spans="1:10" x14ac:dyDescent="0.55000000000000004">
      <c r="A19" s="18">
        <v>58</v>
      </c>
      <c r="B19" s="23" t="s">
        <v>29</v>
      </c>
      <c r="C19" s="30" t="s">
        <v>40</v>
      </c>
      <c r="D19" s="30" t="s">
        <v>40</v>
      </c>
      <c r="E19" s="30" t="s">
        <v>40</v>
      </c>
      <c r="F19" s="30" t="s">
        <v>40</v>
      </c>
      <c r="G19" s="30" t="s">
        <v>40</v>
      </c>
      <c r="H19" s="30" t="s">
        <v>40</v>
      </c>
      <c r="I19" s="30" t="s">
        <v>40</v>
      </c>
      <c r="J19" s="30" t="s">
        <v>40</v>
      </c>
    </row>
    <row r="20" spans="1:10" x14ac:dyDescent="0.55000000000000004">
      <c r="A20" s="18">
        <v>59</v>
      </c>
      <c r="B20" s="23" t="s">
        <v>30</v>
      </c>
      <c r="C20" s="30" t="s">
        <v>40</v>
      </c>
      <c r="D20" s="30" t="s">
        <v>40</v>
      </c>
      <c r="E20" s="30" t="s">
        <v>40</v>
      </c>
      <c r="F20" s="30" t="s">
        <v>40</v>
      </c>
      <c r="G20" s="30" t="s">
        <v>40</v>
      </c>
      <c r="H20" s="30" t="s">
        <v>40</v>
      </c>
      <c r="I20" s="30" t="s">
        <v>40</v>
      </c>
      <c r="J20" s="30" t="s">
        <v>40</v>
      </c>
    </row>
    <row r="21" spans="1:10" x14ac:dyDescent="0.55000000000000004">
      <c r="A21" s="18">
        <v>61</v>
      </c>
      <c r="B21" s="23" t="s">
        <v>31</v>
      </c>
      <c r="C21" s="30" t="s">
        <v>40</v>
      </c>
      <c r="D21" s="30" t="s">
        <v>40</v>
      </c>
      <c r="E21" s="30" t="s">
        <v>40</v>
      </c>
      <c r="F21" s="30" t="s">
        <v>40</v>
      </c>
      <c r="G21" s="30" t="s">
        <v>40</v>
      </c>
      <c r="H21" s="30" t="s">
        <v>40</v>
      </c>
      <c r="I21" s="30" t="s">
        <v>40</v>
      </c>
      <c r="J21" s="30" t="s">
        <v>40</v>
      </c>
    </row>
    <row r="22" spans="1:10" x14ac:dyDescent="0.55000000000000004">
      <c r="A22" s="18">
        <v>81</v>
      </c>
      <c r="B22" s="23" t="s">
        <v>32</v>
      </c>
      <c r="C22" s="30" t="s">
        <v>40</v>
      </c>
      <c r="D22" s="30" t="s">
        <v>40</v>
      </c>
      <c r="E22" s="30" t="s">
        <v>40</v>
      </c>
      <c r="F22" s="30" t="s">
        <v>40</v>
      </c>
      <c r="G22" s="30" t="s">
        <v>40</v>
      </c>
      <c r="H22" s="30" t="s">
        <v>40</v>
      </c>
      <c r="I22" s="30" t="s">
        <v>40</v>
      </c>
      <c r="J22" s="30" t="s">
        <v>40</v>
      </c>
    </row>
    <row r="23" spans="1:10" x14ac:dyDescent="0.55000000000000004">
      <c r="A23" s="18">
        <v>82</v>
      </c>
      <c r="B23" s="23" t="s">
        <v>33</v>
      </c>
      <c r="C23" s="30" t="s">
        <v>40</v>
      </c>
      <c r="D23" s="30" t="s">
        <v>40</v>
      </c>
      <c r="E23" s="30" t="s">
        <v>40</v>
      </c>
      <c r="F23" s="30" t="s">
        <v>40</v>
      </c>
      <c r="G23" s="30" t="s">
        <v>40</v>
      </c>
      <c r="H23" s="30" t="s">
        <v>40</v>
      </c>
      <c r="I23" s="30" t="s">
        <v>40</v>
      </c>
      <c r="J23" s="30" t="s">
        <v>40</v>
      </c>
    </row>
    <row r="24" spans="1:10" x14ac:dyDescent="0.55000000000000004">
      <c r="A24" s="18">
        <v>83</v>
      </c>
      <c r="B24" s="23" t="s">
        <v>34</v>
      </c>
      <c r="C24" s="30" t="s">
        <v>40</v>
      </c>
      <c r="D24" s="30" t="s">
        <v>40</v>
      </c>
      <c r="E24" s="30" t="s">
        <v>40</v>
      </c>
      <c r="F24" s="30" t="s">
        <v>40</v>
      </c>
      <c r="G24" s="30" t="s">
        <v>40</v>
      </c>
      <c r="H24" s="30" t="s">
        <v>40</v>
      </c>
      <c r="I24" s="30" t="s">
        <v>40</v>
      </c>
      <c r="J24" s="30" t="s">
        <v>40</v>
      </c>
    </row>
    <row r="25" spans="1:10" x14ac:dyDescent="0.55000000000000004">
      <c r="A25" s="18">
        <v>84</v>
      </c>
      <c r="B25" s="23" t="s">
        <v>35</v>
      </c>
      <c r="C25" s="30" t="s">
        <v>40</v>
      </c>
      <c r="D25" s="30" t="s">
        <v>40</v>
      </c>
      <c r="E25" s="30" t="s">
        <v>40</v>
      </c>
      <c r="F25" s="30" t="s">
        <v>40</v>
      </c>
      <c r="G25" s="30" t="s">
        <v>40</v>
      </c>
      <c r="H25" s="30" t="s">
        <v>40</v>
      </c>
      <c r="I25" s="30" t="s">
        <v>40</v>
      </c>
      <c r="J25" s="30" t="s">
        <v>40</v>
      </c>
    </row>
    <row r="26" spans="1:10" x14ac:dyDescent="0.55000000000000004">
      <c r="A26" s="18">
        <v>85</v>
      </c>
      <c r="B26" s="23" t="s">
        <v>36</v>
      </c>
      <c r="C26" s="30" t="s">
        <v>40</v>
      </c>
      <c r="D26" s="30" t="s">
        <v>40</v>
      </c>
      <c r="E26" s="30" t="s">
        <v>40</v>
      </c>
      <c r="F26" s="30" t="s">
        <v>40</v>
      </c>
      <c r="G26" s="30" t="s">
        <v>40</v>
      </c>
      <c r="H26" s="30" t="s">
        <v>40</v>
      </c>
      <c r="I26" s="30" t="s">
        <v>40</v>
      </c>
      <c r="J26" s="30" t="s">
        <v>40</v>
      </c>
    </row>
    <row r="27" spans="1:10" x14ac:dyDescent="0.55000000000000004">
      <c r="A27" s="21">
        <v>86</v>
      </c>
      <c r="B27" s="24" t="s">
        <v>37</v>
      </c>
      <c r="C27" s="31" t="s">
        <v>40</v>
      </c>
      <c r="D27" s="31" t="s">
        <v>40</v>
      </c>
      <c r="E27" s="31" t="s">
        <v>40</v>
      </c>
      <c r="F27" s="31" t="s">
        <v>40</v>
      </c>
      <c r="G27" s="31" t="s">
        <v>40</v>
      </c>
      <c r="H27" s="31" t="s">
        <v>40</v>
      </c>
      <c r="I27" s="31" t="s">
        <v>40</v>
      </c>
      <c r="J27" s="31" t="s">
        <v>40</v>
      </c>
    </row>
    <row r="28" spans="1:10" x14ac:dyDescent="0.55000000000000004">
      <c r="A28" s="18"/>
      <c r="B28" s="23"/>
      <c r="C28" s="28"/>
      <c r="D28" s="28"/>
      <c r="E28" s="28"/>
      <c r="F28" s="28"/>
      <c r="G28" s="28"/>
      <c r="H28" s="28"/>
      <c r="I28" s="28"/>
      <c r="J28" s="28"/>
    </row>
    <row r="29" spans="1:10" x14ac:dyDescent="0.55000000000000004">
      <c r="A29" s="25">
        <v>301</v>
      </c>
      <c r="B29" s="26" t="s">
        <v>38</v>
      </c>
      <c r="C29" s="32" t="s">
        <v>39</v>
      </c>
      <c r="D29" s="32" t="s">
        <v>39</v>
      </c>
      <c r="E29" s="32" t="s">
        <v>39</v>
      </c>
      <c r="F29" s="32" t="s">
        <v>39</v>
      </c>
      <c r="G29" s="32" t="s">
        <v>39</v>
      </c>
      <c r="H29" s="32" t="s">
        <v>39</v>
      </c>
      <c r="I29" s="32" t="s">
        <v>39</v>
      </c>
      <c r="J29" s="32" t="s">
        <v>39</v>
      </c>
    </row>
    <row r="30" spans="1:10" x14ac:dyDescent="0.55000000000000004">
      <c r="A30" s="18"/>
      <c r="B30" s="23"/>
      <c r="C30" s="20"/>
      <c r="D30" s="20"/>
      <c r="E30" s="20"/>
      <c r="F30" s="20"/>
      <c r="G30" s="20"/>
      <c r="H30" s="20"/>
      <c r="I30" s="20"/>
      <c r="J30" s="20"/>
    </row>
  </sheetData>
  <mergeCells count="6">
    <mergeCell ref="A2:A4"/>
    <mergeCell ref="B2:B4"/>
    <mergeCell ref="C2:J2"/>
    <mergeCell ref="C3:E3"/>
    <mergeCell ref="F3:H3"/>
    <mergeCell ref="I3:J3"/>
  </mergeCells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永江　道子</dc:creator>
  <cp:lastModifiedBy>永江　道子</cp:lastModifiedBy>
  <dcterms:created xsi:type="dcterms:W3CDTF">2025-04-17T05:24:34Z</dcterms:created>
  <dcterms:modified xsi:type="dcterms:W3CDTF">2025-04-17T05:25:56Z</dcterms:modified>
</cp:coreProperties>
</file>